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305420\OneDrive - Cranfield University\Groupproject\Data\"/>
    </mc:Choice>
  </mc:AlternateContent>
  <bookViews>
    <workbookView xWindow="-105" yWindow="-105" windowWidth="19425" windowHeight="10425" firstSheet="1" activeTab="1"/>
  </bookViews>
  <sheets>
    <sheet name="FTIR-COUNTS" sheetId="1" r:id="rId1"/>
    <sheet name="codes" sheetId="4" r:id="rId2"/>
    <sheet name="ControlSheet" sheetId="3" state="hidden" r:id="rId3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784" uniqueCount="784">
  <si>
    <t>Time (h)</t>
  </si>
  <si>
    <t>TSA</t>
  </si>
  <si>
    <t>CFC</t>
  </si>
  <si>
    <t>STAA</t>
  </si>
  <si>
    <t>MRS</t>
  </si>
  <si>
    <t>4BA0A</t>
  </si>
  <si>
    <t>4BA0B</t>
  </si>
  <si>
    <t>4BA0C</t>
  </si>
  <si>
    <t>4BB0A</t>
  </si>
  <si>
    <t>4BB0B</t>
  </si>
  <si>
    <t>4BB0C</t>
  </si>
  <si>
    <t>4BA1A</t>
  </si>
  <si>
    <t>4BA1B</t>
  </si>
  <si>
    <t>4BA1C</t>
  </si>
  <si>
    <t>4BB1A</t>
  </si>
  <si>
    <t>4BB1B</t>
  </si>
  <si>
    <t>4BB1C</t>
  </si>
  <si>
    <t>4BA2A</t>
  </si>
  <si>
    <t>4BA2B</t>
  </si>
  <si>
    <t>4BA2C</t>
  </si>
  <si>
    <t>4BB2A</t>
  </si>
  <si>
    <t>4BB2B</t>
  </si>
  <si>
    <t>4BB2C</t>
  </si>
  <si>
    <t>4BA3A</t>
  </si>
  <si>
    <t>4BA3B</t>
  </si>
  <si>
    <t>4BA3C</t>
  </si>
  <si>
    <t>4BB3A</t>
  </si>
  <si>
    <t>4BB3B</t>
  </si>
  <si>
    <t>4BB3C</t>
  </si>
  <si>
    <t>4BA4A</t>
  </si>
  <si>
    <t>4BA4B</t>
  </si>
  <si>
    <t>4BA4C</t>
  </si>
  <si>
    <t>4BB4A</t>
  </si>
  <si>
    <t>4BB4B</t>
  </si>
  <si>
    <t>4BB4C</t>
  </si>
  <si>
    <t>4BA5A</t>
  </si>
  <si>
    <t>4BA5B</t>
  </si>
  <si>
    <t>4BA5C</t>
  </si>
  <si>
    <t>4BB5A</t>
  </si>
  <si>
    <t>4BB5B</t>
  </si>
  <si>
    <t>4BB5C</t>
  </si>
  <si>
    <t>4BA6A</t>
  </si>
  <si>
    <t>4BA6B</t>
  </si>
  <si>
    <t>4BA6C</t>
  </si>
  <si>
    <t>4BB6A</t>
  </si>
  <si>
    <t>4BB6B</t>
  </si>
  <si>
    <t>4BB6C</t>
  </si>
  <si>
    <t>4BA7A</t>
  </si>
  <si>
    <t>4BA7B</t>
  </si>
  <si>
    <t>4BA7C</t>
  </si>
  <si>
    <t>4BB7A</t>
  </si>
  <si>
    <t>4BB7B</t>
  </si>
  <si>
    <t>4BB7C</t>
  </si>
  <si>
    <t>4BA8A</t>
  </si>
  <si>
    <t>4BA8B</t>
  </si>
  <si>
    <t>4BA8C</t>
  </si>
  <si>
    <t>4BB8A</t>
  </si>
  <si>
    <t>4BB8B</t>
  </si>
  <si>
    <t>4BB8C</t>
  </si>
  <si>
    <t>4BA9A</t>
  </si>
  <si>
    <t>4BA9B</t>
  </si>
  <si>
    <t>4BA9C</t>
  </si>
  <si>
    <t>4BB9A</t>
  </si>
  <si>
    <t>4BB9B</t>
  </si>
  <si>
    <t>4BB9C</t>
  </si>
  <si>
    <t>4BA10B</t>
  </si>
  <si>
    <t>4BA10C</t>
  </si>
  <si>
    <t>4BB10A</t>
  </si>
  <si>
    <t>4BB10B</t>
  </si>
  <si>
    <t>4BB10C</t>
  </si>
  <si>
    <t>4BA11A</t>
  </si>
  <si>
    <t>4BA11B</t>
  </si>
  <si>
    <t>4BA11C</t>
  </si>
  <si>
    <t>4BB11A</t>
  </si>
  <si>
    <t>4BB11B</t>
  </si>
  <si>
    <t>4BB11C</t>
  </si>
  <si>
    <t>4BA12A</t>
  </si>
  <si>
    <t>4BA12B</t>
  </si>
  <si>
    <t>4BA12C</t>
  </si>
  <si>
    <t>4BB12A</t>
  </si>
  <si>
    <t>4BB12B</t>
  </si>
  <si>
    <t>4BB12C</t>
  </si>
  <si>
    <t>8BA0A</t>
  </si>
  <si>
    <t>8BA0B</t>
  </si>
  <si>
    <t>8BA0C</t>
  </si>
  <si>
    <t>8BB0A</t>
  </si>
  <si>
    <t>8BB0B</t>
  </si>
  <si>
    <t>8BB0C</t>
  </si>
  <si>
    <t>8BA1A</t>
  </si>
  <si>
    <t>8BA1B</t>
  </si>
  <si>
    <t>8BA1C</t>
  </si>
  <si>
    <t>8BB1A</t>
  </si>
  <si>
    <t>8BB1B</t>
  </si>
  <si>
    <t>8BB1C</t>
  </si>
  <si>
    <t>8BA2A</t>
  </si>
  <si>
    <t>8BA2B</t>
  </si>
  <si>
    <t>8BA2C</t>
  </si>
  <si>
    <t>8BB2A</t>
  </si>
  <si>
    <t>8BB2B</t>
  </si>
  <si>
    <t>8BB2C</t>
  </si>
  <si>
    <t>8BA3A</t>
  </si>
  <si>
    <t>8BA3B</t>
  </si>
  <si>
    <t>8BA3C</t>
  </si>
  <si>
    <t>8BB3A</t>
  </si>
  <si>
    <t>8BB3B</t>
  </si>
  <si>
    <t>8BB3C</t>
  </si>
  <si>
    <t>8BA4A</t>
  </si>
  <si>
    <t>8BA4B</t>
  </si>
  <si>
    <t>8BA4C</t>
  </si>
  <si>
    <t>8BB4A</t>
  </si>
  <si>
    <t>8BB4B</t>
  </si>
  <si>
    <t>8BB4C</t>
  </si>
  <si>
    <t>8BA5A</t>
  </si>
  <si>
    <t>8BA5B</t>
  </si>
  <si>
    <t>8BA5C</t>
  </si>
  <si>
    <t>8BB5A</t>
  </si>
  <si>
    <t>8BB5B</t>
  </si>
  <si>
    <t>8BB5C</t>
  </si>
  <si>
    <t>8BA6A</t>
  </si>
  <si>
    <t>8BA6B</t>
  </si>
  <si>
    <t>8BA6C</t>
  </si>
  <si>
    <t>8BB6A</t>
  </si>
  <si>
    <t>8BB6B</t>
  </si>
  <si>
    <t>8BB6C</t>
  </si>
  <si>
    <t>8BA7A</t>
  </si>
  <si>
    <t>8BA7B</t>
  </si>
  <si>
    <t>8BA7C</t>
  </si>
  <si>
    <t>8BB7A</t>
  </si>
  <si>
    <t>8BB7B</t>
  </si>
  <si>
    <t>8BB7C</t>
  </si>
  <si>
    <t>8BA8A</t>
  </si>
  <si>
    <t>8BA8B</t>
  </si>
  <si>
    <t>8BA8C</t>
  </si>
  <si>
    <t>8BB8A</t>
  </si>
  <si>
    <t>8BB8B</t>
  </si>
  <si>
    <t>8BB8C</t>
  </si>
  <si>
    <t>8BA9A</t>
  </si>
  <si>
    <t>8BA9B</t>
  </si>
  <si>
    <t>8BA9C</t>
  </si>
  <si>
    <t>8BB9A</t>
  </si>
  <si>
    <t>8BB9B</t>
  </si>
  <si>
    <t>8BB9C</t>
  </si>
  <si>
    <t>8BA10A</t>
  </si>
  <si>
    <t>8BA10B</t>
  </si>
  <si>
    <t>8BA10C</t>
  </si>
  <si>
    <t>8BB10A</t>
  </si>
  <si>
    <t>8BB10B</t>
  </si>
  <si>
    <t>8BB10C</t>
  </si>
  <si>
    <t>8BA11A</t>
  </si>
  <si>
    <t>8BA11B</t>
  </si>
  <si>
    <t>8BA11C</t>
  </si>
  <si>
    <t>8BB11A</t>
  </si>
  <si>
    <t>8BB11B</t>
  </si>
  <si>
    <t>8BB11C</t>
  </si>
  <si>
    <t>12BA0A</t>
  </si>
  <si>
    <t>12BA0B</t>
  </si>
  <si>
    <t>12BA0C</t>
  </si>
  <si>
    <t>12BB0A</t>
  </si>
  <si>
    <t>12BB0B</t>
  </si>
  <si>
    <t>12BB0C</t>
  </si>
  <si>
    <t>12BA1A</t>
  </si>
  <si>
    <t>12BA1B</t>
  </si>
  <si>
    <t>12BA1C</t>
  </si>
  <si>
    <t>12BB1A</t>
  </si>
  <si>
    <t>12BB1B</t>
  </si>
  <si>
    <t>12BB1C</t>
  </si>
  <si>
    <t>12BA2A</t>
  </si>
  <si>
    <t>12BA2B</t>
  </si>
  <si>
    <t>12BA2C</t>
  </si>
  <si>
    <t>12BB2A</t>
  </si>
  <si>
    <t>12BB2B</t>
  </si>
  <si>
    <t>12BB2C</t>
  </si>
  <si>
    <t>12BA3A</t>
  </si>
  <si>
    <t>12BA3B</t>
  </si>
  <si>
    <t>12BA3C</t>
  </si>
  <si>
    <t>12BB3A</t>
  </si>
  <si>
    <t>12BB3B</t>
  </si>
  <si>
    <t>12BB3C</t>
  </si>
  <si>
    <t>12BA4A</t>
  </si>
  <si>
    <t>12BA4B</t>
  </si>
  <si>
    <t>12BA4C</t>
  </si>
  <si>
    <t>12BB4A</t>
  </si>
  <si>
    <t>12BB4B</t>
  </si>
  <si>
    <t>12BA5A</t>
  </si>
  <si>
    <t>12BA5B</t>
  </si>
  <si>
    <t>12BA5C</t>
  </si>
  <si>
    <t>12BB5A</t>
  </si>
  <si>
    <t>12BB5B</t>
  </si>
  <si>
    <t>12BB5C</t>
  </si>
  <si>
    <t>12BA6A</t>
  </si>
  <si>
    <t>12BA6B</t>
  </si>
  <si>
    <t>12BA6C</t>
  </si>
  <si>
    <t>12BB6A</t>
  </si>
  <si>
    <t>12BB6B</t>
  </si>
  <si>
    <t>12BB6C</t>
  </si>
  <si>
    <t>12BA7A</t>
  </si>
  <si>
    <t>12BA7B</t>
  </si>
  <si>
    <t>12BA7C</t>
  </si>
  <si>
    <t>12BB7A</t>
  </si>
  <si>
    <t>12BB7B</t>
  </si>
  <si>
    <t>12BB7C</t>
  </si>
  <si>
    <t>12BA8A</t>
  </si>
  <si>
    <t>12BA8B</t>
  </si>
  <si>
    <t>12BA8C</t>
  </si>
  <si>
    <t>12BB8A</t>
  </si>
  <si>
    <t>12BB8B</t>
  </si>
  <si>
    <t>12BB8C</t>
  </si>
  <si>
    <t>12BA9A</t>
  </si>
  <si>
    <t>12BA9B</t>
  </si>
  <si>
    <t>12BA9C</t>
  </si>
  <si>
    <t>12BB9A</t>
  </si>
  <si>
    <t>12BB9B</t>
  </si>
  <si>
    <t>12BB9C</t>
  </si>
  <si>
    <t>12BA10A</t>
  </si>
  <si>
    <t>12BA10B</t>
  </si>
  <si>
    <t>12BA10C</t>
  </si>
  <si>
    <t>12BB10A</t>
  </si>
  <si>
    <t>12BB10B</t>
  </si>
  <si>
    <t>12BB10C</t>
  </si>
  <si>
    <t>12BA11A</t>
  </si>
  <si>
    <t>12BA11B</t>
  </si>
  <si>
    <t>12BA11C</t>
  </si>
  <si>
    <t>12BB11A</t>
  </si>
  <si>
    <t>12BB11B</t>
  </si>
  <si>
    <t>12BB11C</t>
  </si>
  <si>
    <t>12BA12A</t>
  </si>
  <si>
    <t>12BA12B</t>
  </si>
  <si>
    <t>12BA12C</t>
  </si>
  <si>
    <t>12BB12A</t>
  </si>
  <si>
    <t>12BB12B</t>
  </si>
  <si>
    <t>12BB12C</t>
  </si>
  <si>
    <t>16BA0A</t>
  </si>
  <si>
    <t>16BA0B</t>
  </si>
  <si>
    <t>16BA0C</t>
  </si>
  <si>
    <t>16BB0A</t>
  </si>
  <si>
    <t>16BB0B</t>
  </si>
  <si>
    <t>16BB0C</t>
  </si>
  <si>
    <t>16BA1A</t>
  </si>
  <si>
    <t>16BA1B</t>
  </si>
  <si>
    <t>16BA1C</t>
  </si>
  <si>
    <t>16BB1A</t>
  </si>
  <si>
    <t>16BB1B</t>
  </si>
  <si>
    <t>16BB1C</t>
  </si>
  <si>
    <t>16BA2B</t>
  </si>
  <si>
    <t>16BA2C</t>
  </si>
  <si>
    <t>16BB2A</t>
  </si>
  <si>
    <t>16BB2B</t>
  </si>
  <si>
    <t>16BB2C</t>
  </si>
  <si>
    <t>16BA3A</t>
  </si>
  <si>
    <t>16BA3C</t>
  </si>
  <si>
    <t>16BB3A</t>
  </si>
  <si>
    <t>16BB3B</t>
  </si>
  <si>
    <t>16BB3C</t>
  </si>
  <si>
    <t>16BA4A</t>
  </si>
  <si>
    <t>16BA4B</t>
  </si>
  <si>
    <t>16BA4C</t>
  </si>
  <si>
    <t>16BB4A</t>
  </si>
  <si>
    <t>16BB4B</t>
  </si>
  <si>
    <t>16BB4C</t>
  </si>
  <si>
    <t>16BA5A</t>
  </si>
  <si>
    <t>16BA5B</t>
  </si>
  <si>
    <t>15BA5C</t>
  </si>
  <si>
    <t>16BB5A</t>
  </si>
  <si>
    <t>16BB5B</t>
  </si>
  <si>
    <t>16BB5C</t>
  </si>
  <si>
    <t>16BA6A</t>
  </si>
  <si>
    <t>16BA6B</t>
  </si>
  <si>
    <t>16BA6C</t>
  </si>
  <si>
    <t>16BB6A</t>
  </si>
  <si>
    <t>16BB6B</t>
  </si>
  <si>
    <t>16BB6C</t>
  </si>
  <si>
    <t>16BA7A</t>
  </si>
  <si>
    <t>16BA7B</t>
  </si>
  <si>
    <t>16BA7C</t>
  </si>
  <si>
    <t>16BB7A</t>
  </si>
  <si>
    <t>16BB7B</t>
  </si>
  <si>
    <t>16BB7C</t>
  </si>
  <si>
    <t>16BA8A</t>
  </si>
  <si>
    <t>16BA8B</t>
  </si>
  <si>
    <t>16BA8C</t>
  </si>
  <si>
    <t>16BB8A</t>
  </si>
  <si>
    <t>16BB8B</t>
  </si>
  <si>
    <t>16BB8C</t>
  </si>
  <si>
    <t>16BA9A</t>
  </si>
  <si>
    <t>16BA9B</t>
  </si>
  <si>
    <t>16BA9C</t>
  </si>
  <si>
    <t>16BB9A</t>
  </si>
  <si>
    <t>16BB9B</t>
  </si>
  <si>
    <t>16BB9C</t>
  </si>
  <si>
    <t>16BA10A</t>
  </si>
  <si>
    <t>16BA10B</t>
  </si>
  <si>
    <t>16BA10C</t>
  </si>
  <si>
    <t>16BB10A</t>
  </si>
  <si>
    <t>16BB10B</t>
  </si>
  <si>
    <t>16BB10C</t>
  </si>
  <si>
    <t>16BA11A</t>
  </si>
  <si>
    <t>16BA11B</t>
  </si>
  <si>
    <t>16BA11C</t>
  </si>
  <si>
    <t>16BB11A</t>
  </si>
  <si>
    <t>16BB11B</t>
  </si>
  <si>
    <t>16BB11C</t>
  </si>
  <si>
    <t>16BA12A</t>
  </si>
  <si>
    <t>16BA12B</t>
  </si>
  <si>
    <t>16BA12C</t>
  </si>
  <si>
    <t>16BB12A</t>
  </si>
  <si>
    <t>16BB12B</t>
  </si>
  <si>
    <t>16BB12C</t>
  </si>
  <si>
    <t>16BA13B</t>
  </si>
  <si>
    <t>16BA13C</t>
  </si>
  <si>
    <t>16BB13A</t>
  </si>
  <si>
    <t>16BB13B</t>
  </si>
  <si>
    <t>16BB13C</t>
  </si>
  <si>
    <t>4ΒΑ0Α2</t>
  </si>
  <si>
    <t>4ΒΑ0Β2</t>
  </si>
  <si>
    <t>4BA0C2</t>
  </si>
  <si>
    <t>4BB0A2</t>
  </si>
  <si>
    <t>4BB0B2</t>
  </si>
  <si>
    <t>4BB0C2</t>
  </si>
  <si>
    <t>4ΒΑ1Α2</t>
  </si>
  <si>
    <t>4ΒΑ1Β2</t>
  </si>
  <si>
    <t>4BA1C2</t>
  </si>
  <si>
    <t>4BB1A2</t>
  </si>
  <si>
    <t>4BB1B2</t>
  </si>
  <si>
    <t>4BB1C2</t>
  </si>
  <si>
    <t>4BA2A2</t>
  </si>
  <si>
    <t>4BA2B2</t>
  </si>
  <si>
    <t>4BB2A2</t>
  </si>
  <si>
    <t>4BB2B2</t>
  </si>
  <si>
    <t>4BB2C2</t>
  </si>
  <si>
    <t>4BA3A2</t>
  </si>
  <si>
    <t>4BA3B2</t>
  </si>
  <si>
    <t>4BA3C2</t>
  </si>
  <si>
    <t>4BB3A2</t>
  </si>
  <si>
    <t>4BB3B2</t>
  </si>
  <si>
    <t>4BB3C2</t>
  </si>
  <si>
    <t>4BA4A2</t>
  </si>
  <si>
    <t>4BA4B2</t>
  </si>
  <si>
    <t>4BA4C2</t>
  </si>
  <si>
    <t>4BB4A2</t>
  </si>
  <si>
    <t>4BB4B2</t>
  </si>
  <si>
    <t>4BB4C2</t>
  </si>
  <si>
    <t>4BA5A2</t>
  </si>
  <si>
    <t>4BA5B2</t>
  </si>
  <si>
    <t>4BA5C2</t>
  </si>
  <si>
    <t>4BB5A2</t>
  </si>
  <si>
    <t>4BB5B2</t>
  </si>
  <si>
    <t>4BB5C2</t>
  </si>
  <si>
    <t>4BA6A2</t>
  </si>
  <si>
    <t>4BA6B2</t>
  </si>
  <si>
    <t>4BA6C2</t>
  </si>
  <si>
    <t>4BB6A2</t>
  </si>
  <si>
    <t>4BB6B2</t>
  </si>
  <si>
    <t>4BB6C2</t>
  </si>
  <si>
    <t>4BA7A2</t>
  </si>
  <si>
    <t>4BA7B2</t>
  </si>
  <si>
    <t>4BA7C2</t>
  </si>
  <si>
    <t>4BB7A2</t>
  </si>
  <si>
    <t>4BB7B2</t>
  </si>
  <si>
    <t>4BB7C2</t>
  </si>
  <si>
    <t>4BA8A2</t>
  </si>
  <si>
    <t>4BA8B2</t>
  </si>
  <si>
    <t>4BA8C2</t>
  </si>
  <si>
    <t>4BB8A2</t>
  </si>
  <si>
    <t>4BB8B2</t>
  </si>
  <si>
    <t>4BB8C2</t>
  </si>
  <si>
    <t>4BA9A2</t>
  </si>
  <si>
    <t>4BA9B2</t>
  </si>
  <si>
    <t>4BA9C2</t>
  </si>
  <si>
    <t>4BB9A2</t>
  </si>
  <si>
    <t>4BB9B2</t>
  </si>
  <si>
    <t>4BB9C2</t>
  </si>
  <si>
    <t>4BA10A2</t>
  </si>
  <si>
    <t>4BA10B2</t>
  </si>
  <si>
    <t>4BA10C2</t>
  </si>
  <si>
    <t>4BB10A2</t>
  </si>
  <si>
    <t>4BB10B2</t>
  </si>
  <si>
    <t>4BB10C2</t>
  </si>
  <si>
    <t>4BA11A2</t>
  </si>
  <si>
    <t>4BA11B2</t>
  </si>
  <si>
    <t>4BA11C2</t>
  </si>
  <si>
    <t>4BB11A2</t>
  </si>
  <si>
    <t>4BB11B2</t>
  </si>
  <si>
    <t>4BB11C2</t>
  </si>
  <si>
    <t>4BA12A2</t>
  </si>
  <si>
    <t>4BA12B2</t>
  </si>
  <si>
    <t>4BA12C2</t>
  </si>
  <si>
    <t>4BB12A2</t>
  </si>
  <si>
    <t>4BB12B2</t>
  </si>
  <si>
    <t>4BB12C2</t>
  </si>
  <si>
    <t>8ΒΑ0Α2</t>
  </si>
  <si>
    <t>8ΒΑ0Β2</t>
  </si>
  <si>
    <t>8BA0C2</t>
  </si>
  <si>
    <t>8BB0A2</t>
  </si>
  <si>
    <t>8BB0B2</t>
  </si>
  <si>
    <t>8BB0C2</t>
  </si>
  <si>
    <t>8BA1A2</t>
  </si>
  <si>
    <t>8BA1B2</t>
  </si>
  <si>
    <t>8BA1C2</t>
  </si>
  <si>
    <t>8BB1A2</t>
  </si>
  <si>
    <t>8BB1B2</t>
  </si>
  <si>
    <t>8BB1C2</t>
  </si>
  <si>
    <t>8BA2A2</t>
  </si>
  <si>
    <t>8BA2B2</t>
  </si>
  <si>
    <t>8BA2C2</t>
  </si>
  <si>
    <t>8BB2A2</t>
  </si>
  <si>
    <t>8BB2B2</t>
  </si>
  <si>
    <t>8BB2C2</t>
  </si>
  <si>
    <t>8BA3A2</t>
  </si>
  <si>
    <t>8BA3B2</t>
  </si>
  <si>
    <t>8BA3C2</t>
  </si>
  <si>
    <t>8BB3A2</t>
  </si>
  <si>
    <t>8BB3B2</t>
  </si>
  <si>
    <t>8BB3C2</t>
  </si>
  <si>
    <t>8BA4A2</t>
  </si>
  <si>
    <t>8BA4B2</t>
  </si>
  <si>
    <t>8BA4C2</t>
  </si>
  <si>
    <t>8BB4A2</t>
  </si>
  <si>
    <t>8BB4B2</t>
  </si>
  <si>
    <t>8BB4C2</t>
  </si>
  <si>
    <t>8BA5A2</t>
  </si>
  <si>
    <t>8BA5B2</t>
  </si>
  <si>
    <t>8BA5C2</t>
  </si>
  <si>
    <t>8BB5A2</t>
  </si>
  <si>
    <t>8BB5B2</t>
  </si>
  <si>
    <t>8BB5C2</t>
  </si>
  <si>
    <t>8BA6A2</t>
  </si>
  <si>
    <t>8BA6B2</t>
  </si>
  <si>
    <t>8BA6C2</t>
  </si>
  <si>
    <t>8BB6A2</t>
  </si>
  <si>
    <t>8BB6B2</t>
  </si>
  <si>
    <t>8BB6C2</t>
  </si>
  <si>
    <t>8BA7A2</t>
  </si>
  <si>
    <t>8BA7B2</t>
  </si>
  <si>
    <t>8BA7C2</t>
  </si>
  <si>
    <t>8BB7A2</t>
  </si>
  <si>
    <t>8BB7B2</t>
  </si>
  <si>
    <t>8BB7C2</t>
  </si>
  <si>
    <t>8BA8A2</t>
  </si>
  <si>
    <t>8BA8B2</t>
  </si>
  <si>
    <t>8BA8C2</t>
  </si>
  <si>
    <t>8BB8A2</t>
  </si>
  <si>
    <t>8BB8B2</t>
  </si>
  <si>
    <t>8BB8C2</t>
  </si>
  <si>
    <t>8BA9A2</t>
  </si>
  <si>
    <t>8BA9B2</t>
  </si>
  <si>
    <t>8BA9C2</t>
  </si>
  <si>
    <t>8BB9A2</t>
  </si>
  <si>
    <t>8BB9B2</t>
  </si>
  <si>
    <t>8BB9C2</t>
  </si>
  <si>
    <t>8BA10A2</t>
  </si>
  <si>
    <t>8BA10B2</t>
  </si>
  <si>
    <t>8BA10C2</t>
  </si>
  <si>
    <t>8BB10A2</t>
  </si>
  <si>
    <t>8BB10B2</t>
  </si>
  <si>
    <t>8BB10C2</t>
  </si>
  <si>
    <t>8BA11A2</t>
  </si>
  <si>
    <t>8BA11B2</t>
  </si>
  <si>
    <t>8BA11C2</t>
  </si>
  <si>
    <t>8BB11A2</t>
  </si>
  <si>
    <t>8BB11B2</t>
  </si>
  <si>
    <t>8BB11C2</t>
  </si>
  <si>
    <t>8BA12A2</t>
  </si>
  <si>
    <t>8BA12B2</t>
  </si>
  <si>
    <t>8BA12C2</t>
  </si>
  <si>
    <t>8BB12A2</t>
  </si>
  <si>
    <t>8BB12B2</t>
  </si>
  <si>
    <t>8BB12C2</t>
  </si>
  <si>
    <t>12ΒΑ0Α2</t>
  </si>
  <si>
    <t>12ΒΑ0Β2</t>
  </si>
  <si>
    <t>12BA0C2</t>
  </si>
  <si>
    <t>12BB0A2</t>
  </si>
  <si>
    <t>12BB0B2</t>
  </si>
  <si>
    <t>12BB0C2</t>
  </si>
  <si>
    <t>12BA1A2</t>
  </si>
  <si>
    <t>12BA1B2</t>
  </si>
  <si>
    <t>12BA1C2</t>
  </si>
  <si>
    <t>12BB1A2</t>
  </si>
  <si>
    <t>12BB1B2</t>
  </si>
  <si>
    <t>12BB1C2</t>
  </si>
  <si>
    <t>12BA2A2</t>
  </si>
  <si>
    <t>12BA2B2</t>
  </si>
  <si>
    <t>12BA2C2</t>
  </si>
  <si>
    <t>12BB2A2</t>
  </si>
  <si>
    <t>12BB2B2</t>
  </si>
  <si>
    <t>12BB2C2</t>
  </si>
  <si>
    <t>12BA3A2</t>
  </si>
  <si>
    <t>12BA3B2</t>
  </si>
  <si>
    <t>12BA3C2</t>
  </si>
  <si>
    <t>12BB3A2</t>
  </si>
  <si>
    <t>12BB3B2</t>
  </si>
  <si>
    <t>12BB3C2</t>
  </si>
  <si>
    <t>12BA4A2</t>
  </si>
  <si>
    <t>12BA4B2</t>
  </si>
  <si>
    <t>12BA4C2</t>
  </si>
  <si>
    <t>12BB4A2</t>
  </si>
  <si>
    <t>12BB4B2</t>
  </si>
  <si>
    <t>12BB4C2</t>
  </si>
  <si>
    <t>12BA5A2</t>
  </si>
  <si>
    <t>12BA5B2</t>
  </si>
  <si>
    <t>12BA5C2</t>
  </si>
  <si>
    <t>12BB5A2</t>
  </si>
  <si>
    <t>12BB5B2</t>
  </si>
  <si>
    <t>12BB5C2</t>
  </si>
  <si>
    <t>12BA6A2</t>
  </si>
  <si>
    <t>12BA6B2</t>
  </si>
  <si>
    <t>12BA6C2</t>
  </si>
  <si>
    <t>12BB6A2</t>
  </si>
  <si>
    <t>12BB6B2</t>
  </si>
  <si>
    <t>12BB6C2</t>
  </si>
  <si>
    <t>12BA7A2</t>
  </si>
  <si>
    <t>12BA7B2</t>
  </si>
  <si>
    <t>12BA7C2</t>
  </si>
  <si>
    <t>12BB7A2</t>
  </si>
  <si>
    <t>12BB7B2</t>
  </si>
  <si>
    <t>12BB7C2</t>
  </si>
  <si>
    <t>12BA8A2</t>
  </si>
  <si>
    <t>12BA8B2</t>
  </si>
  <si>
    <t>12BA8C2</t>
  </si>
  <si>
    <t>12BB8A2</t>
  </si>
  <si>
    <t>12BB8B2</t>
  </si>
  <si>
    <t>12BB8C2</t>
  </si>
  <si>
    <t>12BA9A2</t>
  </si>
  <si>
    <t>12BA9B2</t>
  </si>
  <si>
    <t>12BA9C2</t>
  </si>
  <si>
    <t>12BB9A2</t>
  </si>
  <si>
    <t>12BB9B2</t>
  </si>
  <si>
    <t>12BB9C2</t>
  </si>
  <si>
    <t>12BA10A2</t>
  </si>
  <si>
    <t>12BA10B2</t>
  </si>
  <si>
    <t>12BA10C2</t>
  </si>
  <si>
    <t>12BB10A2`</t>
  </si>
  <si>
    <t>12BB10B2</t>
  </si>
  <si>
    <t>12BB10C2</t>
  </si>
  <si>
    <t>12BA11A2</t>
  </si>
  <si>
    <t>12BA11B2</t>
  </si>
  <si>
    <t>12BA11C2</t>
  </si>
  <si>
    <t>12BB11A2</t>
  </si>
  <si>
    <t>12BB11B2</t>
  </si>
  <si>
    <t>12BB11C2</t>
  </si>
  <si>
    <t>12BA12A2</t>
  </si>
  <si>
    <t>12BA12B2</t>
  </si>
  <si>
    <t>12BA12C2</t>
  </si>
  <si>
    <t>12BB12A2</t>
  </si>
  <si>
    <t>12BB12B2</t>
  </si>
  <si>
    <t>12BB12C2</t>
  </si>
  <si>
    <t>12BA13A2</t>
  </si>
  <si>
    <t>12BA13B2</t>
  </si>
  <si>
    <t>12BA13C2</t>
  </si>
  <si>
    <t>12BB13A2</t>
  </si>
  <si>
    <t>12BB13B2</t>
  </si>
  <si>
    <t>12BB13C2</t>
  </si>
  <si>
    <t>16ΒΑ0Α2</t>
  </si>
  <si>
    <t>16ΒΑ0Β2</t>
  </si>
  <si>
    <t>16BA0C2</t>
  </si>
  <si>
    <t>16BB0A2</t>
  </si>
  <si>
    <t>16BB0B2</t>
  </si>
  <si>
    <t>16BB0C2</t>
  </si>
  <si>
    <t>16BA1A2</t>
  </si>
  <si>
    <t>16BA1B2</t>
  </si>
  <si>
    <t>16BA1C2</t>
  </si>
  <si>
    <t>16BB1A2</t>
  </si>
  <si>
    <t>16BB1B2</t>
  </si>
  <si>
    <t>16BB1C2</t>
  </si>
  <si>
    <t>16BA2A2</t>
  </si>
  <si>
    <t>16BA2B2</t>
  </si>
  <si>
    <t>16BA2C2</t>
  </si>
  <si>
    <t>16BB2A2</t>
  </si>
  <si>
    <t>16BB2B2</t>
  </si>
  <si>
    <t>16BB2C2</t>
  </si>
  <si>
    <t>16BA3A2</t>
  </si>
  <si>
    <t>16BA3B2</t>
  </si>
  <si>
    <t>16BA3C2</t>
  </si>
  <si>
    <t>16BB3A2</t>
  </si>
  <si>
    <t>16BB3B2</t>
  </si>
  <si>
    <t>16BB3C2</t>
  </si>
  <si>
    <t>16BA4A2</t>
  </si>
  <si>
    <t>16BA4B2</t>
  </si>
  <si>
    <t>16BA4C2</t>
  </si>
  <si>
    <t>16BB4A2</t>
  </si>
  <si>
    <t>16BB4B2</t>
  </si>
  <si>
    <t>16BB4C2</t>
  </si>
  <si>
    <t>16BA5A2</t>
  </si>
  <si>
    <t>16BA5B2</t>
  </si>
  <si>
    <t>16BA5C2</t>
  </si>
  <si>
    <t>16BB5A2</t>
  </si>
  <si>
    <t>16BB5B2</t>
  </si>
  <si>
    <t>16BB5C2</t>
  </si>
  <si>
    <t>16BA6A2</t>
  </si>
  <si>
    <t>16BA6B2</t>
  </si>
  <si>
    <t>16BA6C2</t>
  </si>
  <si>
    <t>16BB6A2</t>
  </si>
  <si>
    <t>16BB6B2</t>
  </si>
  <si>
    <t>16BB6C2</t>
  </si>
  <si>
    <t>16BA7A2</t>
  </si>
  <si>
    <t>16BA7C2</t>
  </si>
  <si>
    <t>16BB7A2</t>
  </si>
  <si>
    <t>16BB7B2</t>
  </si>
  <si>
    <t>16BB7C2</t>
  </si>
  <si>
    <t>16BA8A2</t>
  </si>
  <si>
    <t>16BA8B2</t>
  </si>
  <si>
    <t>16BA8C2</t>
  </si>
  <si>
    <t>16BB8A2</t>
  </si>
  <si>
    <t>16BB8B2</t>
  </si>
  <si>
    <t>16BB8C2</t>
  </si>
  <si>
    <t>16BA9A2</t>
  </si>
  <si>
    <t>16BA9B2</t>
  </si>
  <si>
    <t>16BA9C2</t>
  </si>
  <si>
    <t>16BB9A2</t>
  </si>
  <si>
    <t>16BB9B2</t>
  </si>
  <si>
    <t>16BB9C2</t>
  </si>
  <si>
    <t>16BA10A2</t>
  </si>
  <si>
    <t>16BA10B2</t>
  </si>
  <si>
    <t>16BA10C2</t>
  </si>
  <si>
    <t>16BB10A2</t>
  </si>
  <si>
    <t>16BB10B2</t>
  </si>
  <si>
    <t>16BB10C2</t>
  </si>
  <si>
    <t>16BA11A2</t>
  </si>
  <si>
    <t>16BA11B2</t>
  </si>
  <si>
    <t>16BA11C2</t>
  </si>
  <si>
    <t>16BB11A2</t>
  </si>
  <si>
    <t>16BB11B2</t>
  </si>
  <si>
    <t>16BB11C2</t>
  </si>
  <si>
    <t>16BA12A2</t>
  </si>
  <si>
    <t>16BA12B2</t>
  </si>
  <si>
    <t>16BA12C2</t>
  </si>
  <si>
    <t>16BB12A2</t>
  </si>
  <si>
    <t>16BB12B2</t>
  </si>
  <si>
    <t>16BB12C2</t>
  </si>
  <si>
    <t>16BA13A2</t>
  </si>
  <si>
    <t>16BA13B2</t>
  </si>
  <si>
    <t>16BA13C2</t>
  </si>
  <si>
    <t>16BB13A2</t>
  </si>
  <si>
    <t>16BB13B2</t>
  </si>
  <si>
    <t>16BB13C2</t>
  </si>
  <si>
    <t>DBA0A</t>
  </si>
  <si>
    <t>DBA0B</t>
  </si>
  <si>
    <t>DBA0C</t>
  </si>
  <si>
    <t>DBB0A</t>
  </si>
  <si>
    <t>DBB0B</t>
  </si>
  <si>
    <t>DBB0C</t>
  </si>
  <si>
    <t>DBA1A</t>
  </si>
  <si>
    <t>DBA1B</t>
  </si>
  <si>
    <t>DBA1C</t>
  </si>
  <si>
    <t>DBB1A</t>
  </si>
  <si>
    <t>DBB1B</t>
  </si>
  <si>
    <t>DBB1C</t>
  </si>
  <si>
    <t>DBA2A</t>
  </si>
  <si>
    <t>DBA2B</t>
  </si>
  <si>
    <t>DBA2C</t>
  </si>
  <si>
    <t>DBB2A</t>
  </si>
  <si>
    <t>DBB2B</t>
  </si>
  <si>
    <t>DBB2C</t>
  </si>
  <si>
    <t>DBA3A</t>
  </si>
  <si>
    <t>DBA3B</t>
  </si>
  <si>
    <t>DBA3C</t>
  </si>
  <si>
    <t>DBB3A</t>
  </si>
  <si>
    <t>DBB3B</t>
  </si>
  <si>
    <t>DBB3C</t>
  </si>
  <si>
    <t>DBA4A</t>
  </si>
  <si>
    <t>DBA4B</t>
  </si>
  <si>
    <t>DBA4C</t>
  </si>
  <si>
    <t>DBB4A</t>
  </si>
  <si>
    <t>DBB4B</t>
  </si>
  <si>
    <t>DBB4C</t>
  </si>
  <si>
    <t>DBA5A</t>
  </si>
  <si>
    <t>DBA5B</t>
  </si>
  <si>
    <t>DBA5C</t>
  </si>
  <si>
    <t>DBB5A</t>
  </si>
  <si>
    <t>DBB5B</t>
  </si>
  <si>
    <t>DBB5C</t>
  </si>
  <si>
    <t>DBA6A</t>
  </si>
  <si>
    <t>DBA6B</t>
  </si>
  <si>
    <t>DBA6C</t>
  </si>
  <si>
    <t>DBB6A</t>
  </si>
  <si>
    <t>DBB6B</t>
  </si>
  <si>
    <t>DBB6C</t>
  </si>
  <si>
    <t>DBA7A</t>
  </si>
  <si>
    <t>DBA7B</t>
  </si>
  <si>
    <t>DBA7C</t>
  </si>
  <si>
    <t>DBB7A</t>
  </si>
  <si>
    <t>DBB7B</t>
  </si>
  <si>
    <t>DBB7C</t>
  </si>
  <si>
    <t>DBA8A</t>
  </si>
  <si>
    <t>DBA8B</t>
  </si>
  <si>
    <t>DBA8C</t>
  </si>
  <si>
    <t>DBB8A</t>
  </si>
  <si>
    <t>DBB8B</t>
  </si>
  <si>
    <t>DBB8C</t>
  </si>
  <si>
    <t>DBA9A</t>
  </si>
  <si>
    <t>DBA9B</t>
  </si>
  <si>
    <t>DBA9C</t>
  </si>
  <si>
    <t>DBB9A</t>
  </si>
  <si>
    <t>DBB9B</t>
  </si>
  <si>
    <t>DBB9C</t>
  </si>
  <si>
    <t>DBA10A</t>
  </si>
  <si>
    <t>DBA10B</t>
  </si>
  <si>
    <t>DBA10C</t>
  </si>
  <si>
    <t>DBB10A</t>
  </si>
  <si>
    <t>DBB10B</t>
  </si>
  <si>
    <t>DBB10C</t>
  </si>
  <si>
    <t>DBA11A</t>
  </si>
  <si>
    <t>DBA11B</t>
  </si>
  <si>
    <t>DBA11C</t>
  </si>
  <si>
    <t>DBB11A</t>
  </si>
  <si>
    <t>DBB11B</t>
  </si>
  <si>
    <t>DBB11C</t>
  </si>
  <si>
    <t>DBA12A</t>
  </si>
  <si>
    <t>DBA12B</t>
  </si>
  <si>
    <t>DBA12C</t>
  </si>
  <si>
    <t>DBB12A</t>
  </si>
  <si>
    <t>DBB12B</t>
  </si>
  <si>
    <t>DBB12C</t>
  </si>
  <si>
    <t>DBA0A2</t>
  </si>
  <si>
    <t>DBA0B2</t>
  </si>
  <si>
    <t>DBA0C2</t>
  </si>
  <si>
    <t>DBB0A2</t>
  </si>
  <si>
    <t>DBB0B2</t>
  </si>
  <si>
    <t>DBB0C2</t>
  </si>
  <si>
    <t>DBA1A2</t>
  </si>
  <si>
    <t>DBA1B2</t>
  </si>
  <si>
    <t>DBA1C2</t>
  </si>
  <si>
    <t>DBB1A2</t>
  </si>
  <si>
    <t>DBB1B2</t>
  </si>
  <si>
    <t>DBB1C2</t>
  </si>
  <si>
    <t>DBA2A2</t>
  </si>
  <si>
    <t>DBA2B2</t>
  </si>
  <si>
    <t>DBA2C2</t>
  </si>
  <si>
    <t>DBB2A2</t>
  </si>
  <si>
    <t>DBB2B2</t>
  </si>
  <si>
    <t>DBB2C2</t>
  </si>
  <si>
    <t>DBA3A2</t>
  </si>
  <si>
    <t>DBA3B2</t>
  </si>
  <si>
    <t>DBA3C2</t>
  </si>
  <si>
    <t>DBB3A2</t>
  </si>
  <si>
    <t>DBB3B2</t>
  </si>
  <si>
    <t>DBB3C2</t>
  </si>
  <si>
    <t>DBA4A2</t>
  </si>
  <si>
    <t>DBA4B2</t>
  </si>
  <si>
    <t>DBA4C2</t>
  </si>
  <si>
    <t>DBB4A2</t>
  </si>
  <si>
    <t>DBB4B2</t>
  </si>
  <si>
    <t>DBB4C2</t>
  </si>
  <si>
    <t>DBA5A2</t>
  </si>
  <si>
    <t>DBA5B2</t>
  </si>
  <si>
    <t>DBA5C2</t>
  </si>
  <si>
    <t>DBB5A2</t>
  </si>
  <si>
    <t>DBB5B2</t>
  </si>
  <si>
    <t>DBB5C2</t>
  </si>
  <si>
    <t>DBA6A2</t>
  </si>
  <si>
    <t>DBA6B2</t>
  </si>
  <si>
    <t>DBA6C2</t>
  </si>
  <si>
    <t>DBB6A2</t>
  </si>
  <si>
    <t>DBB6B2</t>
  </si>
  <si>
    <t>DBB6C2</t>
  </si>
  <si>
    <t>DBA7A2</t>
  </si>
  <si>
    <t>DBA7B2</t>
  </si>
  <si>
    <t>DBA7C2</t>
  </si>
  <si>
    <t>DBB7A2</t>
  </si>
  <si>
    <t>DBB7B2</t>
  </si>
  <si>
    <t>DBB7C2</t>
  </si>
  <si>
    <t>DBA8A2</t>
  </si>
  <si>
    <t>DBA8B2</t>
  </si>
  <si>
    <t>DBA8C2</t>
  </si>
  <si>
    <t>DBB8A2</t>
  </si>
  <si>
    <t>DBB8B2</t>
  </si>
  <si>
    <t>DBB8C2</t>
  </si>
  <si>
    <t>DBA9A2</t>
  </si>
  <si>
    <t>DBA9B2</t>
  </si>
  <si>
    <t>DBA9C2</t>
  </si>
  <si>
    <t>DBB9A2</t>
  </si>
  <si>
    <t>DBB9B2</t>
  </si>
  <si>
    <t>DBB9C2</t>
  </si>
  <si>
    <t>DBA11A2</t>
  </si>
  <si>
    <t>DBA11B2</t>
  </si>
  <si>
    <t>DBA11C2</t>
  </si>
  <si>
    <t>DBB11A2</t>
  </si>
  <si>
    <t>DBB11B2</t>
  </si>
  <si>
    <t>DBB11C2</t>
  </si>
  <si>
    <t>mCode</t>
  </si>
  <si>
    <t>sep</t>
  </si>
  <si>
    <t>yLow</t>
  </si>
  <si>
    <t>yUp</t>
  </si>
  <si>
    <t>Ribbon pointer</t>
  </si>
  <si>
    <t>4BA2C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0.0000"/>
    <numFmt numFmtId="165" formatCode="0.00000"/>
  </numFmts>
  <fonts count="2" x14ac:knownFonts="1">
    <font>
      <sz val="11"/>
      <color theme="1"/>
      <name val="Calibri"/>
      <family val="2"/>
      <charset val="161"/>
      <scheme val="minor"/>
    </font>
    <font>
      <b/>
      <sz val="11"/>
      <color theme="1"/>
      <name val="Calibri"/>
      <family val="2"/>
      <charset val="161"/>
      <scheme val="minor"/>
    </font>
  </fonts>
  <fills count="6">
    <fill>
      <patternFill patternType="none"/>
    </fill>
    <fill>
      <patternFill patternType="gray125"/>
    </fill>
    <fill>
      <patternFill patternType="solid">
        <fgColor rgb="FFCC99FF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66FF"/>
        <bgColor indexed="64"/>
      </patternFill>
    </fill>
    <fill>
      <patternFill patternType="solid">
        <fgColor rgb="FF66FFFF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0">
    <xf numFmtId="0" fontId="0" fillId="0" borderId="0" xfId="0"/>
    <xf numFmtId="0" fontId="0" fillId="2" borderId="0" xfId="0" applyFill="1"/>
    <xf numFmtId="0" fontId="0" fillId="3" borderId="0" xfId="0" applyFill="1"/>
    <xf numFmtId="0" fontId="0" fillId="4" borderId="0" xfId="0" applyFill="1"/>
    <xf numFmtId="0" fontId="0" fillId="5" borderId="0" xfId="0" applyFill="1"/>
    <xf numFmtId="0" fontId="0" fillId="0" borderId="0" xfId="0" applyAlignment="1">
      <alignment horizontal="center"/>
    </xf>
    <xf numFmtId="164" fontId="0" fillId="0" borderId="0" xfId="0" applyNumberFormat="1" applyAlignment="1">
      <alignment horizontal="center"/>
    </xf>
    <xf numFmtId="165" fontId="0" fillId="0" borderId="0" xfId="0" applyNumberFormat="1" applyAlignment="1">
      <alignment horizontal="center"/>
    </xf>
    <xf numFmtId="0" fontId="0" fillId="0" borderId="0" xfId="0" applyFill="1"/>
    <xf numFmtId="0" fontId="1" fillId="0" borderId="0" xfId="0" applyFont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31800</xdr:colOff>
      <xdr:row>1</xdr:row>
      <xdr:rowOff>127000</xdr:rowOff>
    </xdr:from>
    <xdr:to>
      <xdr:col>8</xdr:col>
      <xdr:colOff>158750</xdr:colOff>
      <xdr:row>15</xdr:row>
      <xdr:rowOff>14605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16C8FAE9-7E25-4003-80AB-B254288EB439}"/>
            </a:ext>
          </a:extLst>
        </xdr:cNvPr>
        <xdr:cNvSpPr txBox="1"/>
      </xdr:nvSpPr>
      <xdr:spPr>
        <a:xfrm>
          <a:off x="431800" y="311150"/>
          <a:ext cx="4603750" cy="2597150"/>
        </a:xfrm>
        <a:prstGeom prst="rect">
          <a:avLst/>
        </a:prstGeom>
        <a:solidFill>
          <a:schemeClr val="accent6">
            <a:lumMod val="20000"/>
            <a:lumOff val="8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US" sz="1200" b="1"/>
            <a:t>Cell A:</a:t>
          </a:r>
          <a:r>
            <a:rPr lang="en-US" sz="1200" b="1" baseline="0"/>
            <a:t> </a:t>
          </a:r>
          <a:r>
            <a:rPr lang="en-US" sz="1200" b="0" baseline="0"/>
            <a:t>samle code</a:t>
          </a:r>
        </a:p>
        <a:p>
          <a:endParaRPr lang="en-US" sz="1200" b="0" baseline="0"/>
        </a:p>
        <a:p>
          <a:r>
            <a:rPr lang="en-US" sz="1200" b="1" baseline="0"/>
            <a:t>Cell B: </a:t>
          </a:r>
          <a:r>
            <a:rPr lang="en-US" sz="1200" b="0" baseline="0"/>
            <a:t>time of sampling point during storage</a:t>
          </a:r>
          <a:r>
            <a:rPr lang="en-US" sz="1200" b="1" baseline="0"/>
            <a:t> (h)</a:t>
          </a:r>
        </a:p>
        <a:p>
          <a:endParaRPr lang="en-US" sz="1200" b="1"/>
        </a:p>
        <a:p>
          <a:r>
            <a:rPr lang="en-US" sz="1200" b="1"/>
            <a:t>Cells</a:t>
          </a:r>
          <a:r>
            <a:rPr lang="en-US" sz="1200" b="1" baseline="0"/>
            <a:t> C-F : microbiological data</a:t>
          </a:r>
          <a:r>
            <a:rPr lang="en-US" sz="1200" baseline="0"/>
            <a:t> </a:t>
          </a:r>
          <a:endParaRPr lang="en-US" sz="1200"/>
        </a:p>
        <a:p>
          <a:r>
            <a:rPr lang="en-US" sz="1200" b="1"/>
            <a:t>- TSA</a:t>
          </a:r>
          <a:r>
            <a:rPr lang="en-US" sz="1200"/>
            <a:t> is the medium for enumeration of</a:t>
          </a:r>
          <a:r>
            <a:rPr lang="en-US" sz="1200" b="1"/>
            <a:t> Total</a:t>
          </a:r>
          <a:r>
            <a:rPr lang="en-US" sz="1200" b="1" baseline="0"/>
            <a:t> Viable Counts (TVC)</a:t>
          </a:r>
        </a:p>
        <a:p>
          <a:r>
            <a:rPr lang="en-US" sz="1200" baseline="0"/>
            <a:t>- </a:t>
          </a:r>
          <a:r>
            <a:rPr lang="en-US" sz="1200" b="1" baseline="0"/>
            <a:t>CFC</a:t>
          </a:r>
          <a:r>
            <a:rPr lang="en-US" sz="1200" baseline="0"/>
            <a:t> </a:t>
          </a:r>
          <a:r>
            <a:rPr 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is the medium for enumeration of</a:t>
          </a:r>
          <a:r>
            <a:rPr lang="en-US" sz="1200" baseline="0"/>
            <a:t> </a:t>
          </a:r>
          <a:r>
            <a:rPr lang="en-US" sz="1200" b="1" baseline="0"/>
            <a:t>pseudomonas</a:t>
          </a:r>
        </a:p>
        <a:p>
          <a:r>
            <a:rPr lang="en-US" sz="1200" baseline="0"/>
            <a:t>- </a:t>
          </a:r>
          <a:r>
            <a:rPr lang="en-US" sz="1200" b="1" baseline="0"/>
            <a:t>STAA</a:t>
          </a:r>
          <a:r>
            <a:rPr lang="en-US" sz="1200" baseline="0"/>
            <a:t> </a:t>
          </a:r>
          <a:r>
            <a:rPr 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is the medium for enumeration of</a:t>
          </a:r>
          <a:r>
            <a:rPr lang="en-US" sz="1200" baseline="0"/>
            <a:t> </a:t>
          </a:r>
          <a:r>
            <a:rPr lang="en-US" sz="1200" b="1" i="1" baseline="0"/>
            <a:t>Brochothrix thermosphacta</a:t>
          </a:r>
        </a:p>
        <a:p>
          <a:r>
            <a:rPr lang="en-US" sz="1200" b="1" i="1" baseline="0"/>
            <a:t>-</a:t>
          </a:r>
          <a:r>
            <a:rPr lang="en-US" sz="1200" b="1" i="0" baseline="0"/>
            <a:t> MRS </a:t>
          </a:r>
          <a:r>
            <a:rPr lang="en-US" sz="1200" b="0" i="0" baseline="0"/>
            <a:t>is the medium for enumeration of </a:t>
          </a:r>
          <a:r>
            <a:rPr lang="en-US" sz="1200" b="1" i="0" baseline="0"/>
            <a:t>lactic acid bacteria (LAB)</a:t>
          </a:r>
        </a:p>
        <a:p>
          <a:r>
            <a:rPr lang="en-US" sz="1200" b="1" i="0" baseline="0"/>
            <a:t>    -- counts are duplicates of two batches (n=2*2) --</a:t>
          </a:r>
        </a:p>
        <a:p>
          <a:endParaRPr lang="en-US" sz="1200" b="1" i="0" baseline="0"/>
        </a:p>
        <a:p>
          <a:r>
            <a:rPr lang="en-US" sz="1200" b="1" i="0" baseline="0"/>
            <a:t>Cells G-DYC : FTIR data </a:t>
          </a:r>
          <a:r>
            <a:rPr lang="en-US" sz="1200" b="0" i="0" baseline="0"/>
            <a:t>for wavenumbers 4000-650cm</a:t>
          </a:r>
          <a:r>
            <a:rPr lang="en-US" sz="1200" b="0" i="0" baseline="30000"/>
            <a:t>-1</a:t>
          </a:r>
        </a:p>
        <a:p>
          <a:r>
            <a:rPr lang="en-US" sz="1200" b="1" i="0" baseline="0"/>
            <a:t>    -- data are triplicates of each sample from each batch (n=3*2*2) --</a:t>
          </a:r>
          <a:endParaRPr lang="el-GR" sz="1200" b="1" i="0" baseline="0"/>
        </a:p>
      </xdr:txBody>
    </xdr:sp>
    <xdr:clientData/>
  </xdr:twoCellAnchor>
  <xdr:twoCellAnchor>
    <xdr:from>
      <xdr:col>0</xdr:col>
      <xdr:colOff>400050</xdr:colOff>
      <xdr:row>18</xdr:row>
      <xdr:rowOff>139700</xdr:rowOff>
    </xdr:from>
    <xdr:to>
      <xdr:col>16</xdr:col>
      <xdr:colOff>44450</xdr:colOff>
      <xdr:row>42</xdr:row>
      <xdr:rowOff>7620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7BFB4DBA-834E-41C7-A952-AD69D2CA4349}"/>
            </a:ext>
          </a:extLst>
        </xdr:cNvPr>
        <xdr:cNvSpPr txBox="1"/>
      </xdr:nvSpPr>
      <xdr:spPr>
        <a:xfrm>
          <a:off x="400050" y="3454400"/>
          <a:ext cx="9398000" cy="4356100"/>
        </a:xfrm>
        <a:prstGeom prst="rect">
          <a:avLst/>
        </a:prstGeom>
        <a:solidFill>
          <a:schemeClr val="accent5">
            <a:lumMod val="20000"/>
            <a:lumOff val="8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US" sz="1200" b="1" u="sng"/>
            <a:t>sample coding</a:t>
          </a:r>
          <a:r>
            <a:rPr lang="en-US" sz="1200" b="1"/>
            <a:t>:</a:t>
          </a:r>
        </a:p>
        <a:p>
          <a:r>
            <a:rPr lang="en-US" sz="1200" b="0" i="0" u="none" baseline="0"/>
            <a:t>-- </a:t>
          </a:r>
          <a:r>
            <a:rPr lang="en-US" sz="1200" b="0" i="0" baseline="0"/>
            <a:t>the </a:t>
          </a:r>
          <a:r>
            <a:rPr lang="en-US" sz="1200" b="1" i="0" baseline="0"/>
            <a:t>storage temperature</a:t>
          </a:r>
          <a:r>
            <a:rPr lang="en-US" sz="1200" b="0" i="0" baseline="0"/>
            <a:t> comes first (numbers </a:t>
          </a:r>
          <a:r>
            <a:rPr lang="en-US" sz="1200" b="1" i="0" baseline="0"/>
            <a:t>4,8,12,16 for isothermal storage</a:t>
          </a:r>
          <a:r>
            <a:rPr lang="en-US" sz="1200" b="0" i="0" baseline="0"/>
            <a:t> at 4,8,12 and 16</a:t>
          </a:r>
          <a:r>
            <a:rPr lang="en-US" sz="1200" b="0" i="0" baseline="30000"/>
            <a:t>o</a:t>
          </a:r>
          <a:r>
            <a:rPr lang="en-US" sz="1200" b="0" i="0" baseline="0"/>
            <a:t>C respectively and symbol </a:t>
          </a:r>
          <a:r>
            <a:rPr lang="en-US" sz="1200" b="1" i="0" baseline="0"/>
            <a:t>D for dynamic</a:t>
          </a:r>
          <a:r>
            <a:rPr lang="en-US" sz="1200" b="0" i="0" baseline="0"/>
            <a:t> storage at 4-8-12</a:t>
          </a:r>
          <a:r>
            <a:rPr lang="en-US" sz="1200" b="0" i="0" baseline="30000"/>
            <a:t>o</a:t>
          </a:r>
          <a:r>
            <a:rPr lang="en-US" sz="1200" b="0" i="0" baseline="0"/>
            <a:t>C/8h)</a:t>
          </a:r>
        </a:p>
        <a:p>
          <a:r>
            <a:rPr lang="en-US" sz="1200" b="1" i="0" baseline="0"/>
            <a:t>-- </a:t>
          </a:r>
          <a:r>
            <a:rPr lang="en-US" sz="1200" b="0" i="0" baseline="0"/>
            <a:t>the </a:t>
          </a:r>
          <a:r>
            <a:rPr lang="en-US" sz="1200" b="1" i="0" baseline="0"/>
            <a:t>sample type</a:t>
          </a:r>
          <a:r>
            <a:rPr lang="en-US" sz="1200" b="0" i="0" baseline="0"/>
            <a:t> and</a:t>
          </a:r>
          <a:r>
            <a:rPr lang="en-US" sz="1200" b="1" i="0" baseline="0"/>
            <a:t> replicate</a:t>
          </a:r>
          <a:r>
            <a:rPr lang="en-US" sz="1200" b="0" i="0" baseline="0"/>
            <a:t> </a:t>
          </a:r>
          <a:r>
            <a:rPr lang="en-US" sz="1200" b="1" i="0" baseline="0"/>
            <a:t>of microbiological data</a:t>
          </a:r>
          <a:r>
            <a:rPr lang="en-US" sz="1200" b="0" i="0" baseline="0"/>
            <a:t> comes second (B for burger, A/B for 1st and 2nd replicate. So, BA is the 1st replicate and BB is the 2nd replicate of the analyzed burger)</a:t>
          </a:r>
        </a:p>
        <a:p>
          <a:r>
            <a:rPr lang="en-US" sz="1200" b="0" i="0" baseline="0"/>
            <a:t>-- the </a:t>
          </a:r>
          <a:r>
            <a:rPr lang="en-US" sz="1200" b="1" i="0" baseline="0"/>
            <a:t>serial number of the sampling point</a:t>
          </a:r>
          <a:r>
            <a:rPr lang="en-US" sz="1200" b="0" i="0" baseline="0"/>
            <a:t> comes third (0 is the sampling point at the beginning of the storage and then 1,2,3 etc are the samling points until the end of storage</a:t>
          </a:r>
        </a:p>
        <a:p>
          <a:r>
            <a:rPr lang="en-US" sz="1200" b="0" i="0" baseline="0"/>
            <a:t>-- the </a:t>
          </a:r>
          <a:r>
            <a:rPr lang="en-US" sz="1200" b="1" i="0" baseline="0"/>
            <a:t>replicate of ftir spectra</a:t>
          </a:r>
          <a:r>
            <a:rPr lang="en-US" sz="1200" b="0" i="0" baseline="0"/>
            <a:t> comes last (A,B,C for 1st, 2nd and 3rd spectra of each sample)</a:t>
          </a:r>
        </a:p>
        <a:p>
          <a:r>
            <a:rPr lang="en-US" sz="1200" b="0" i="0" baseline="0"/>
            <a:t>-- in the case of the </a:t>
          </a:r>
          <a:r>
            <a:rPr lang="en-US" sz="1200" b="1" i="0" baseline="0"/>
            <a:t>second batch, </a:t>
          </a:r>
          <a:r>
            <a:rPr lang="en-US" sz="1200" b="0" i="0" baseline="0"/>
            <a:t>the same coding was used adding the number 2 in the end</a:t>
          </a:r>
        </a:p>
        <a:p>
          <a:endParaRPr lang="en-US" sz="1200" b="1" i="0" baseline="0"/>
        </a:p>
        <a:p>
          <a:r>
            <a:rPr lang="en-US" sz="1200" b="1" i="0" u="sng" baseline="0"/>
            <a:t>EXAMPLES</a:t>
          </a:r>
        </a:p>
        <a:p>
          <a:r>
            <a:rPr lang="en-US" sz="1200" b="1" i="0" u="none" baseline="0"/>
            <a:t>-- 4 BA 0 A: </a:t>
          </a:r>
          <a:r>
            <a:rPr lang="en-US" sz="1200" b="0" i="0" u="none" baseline="0"/>
            <a:t>storage at 4</a:t>
          </a:r>
          <a:r>
            <a:rPr lang="en-US" sz="1200" b="0" i="0" u="none" baseline="30000"/>
            <a:t>o</a:t>
          </a:r>
          <a:r>
            <a:rPr lang="en-US" sz="1200" b="0" i="0" u="none" baseline="0"/>
            <a:t>C, burger, 1st microbiological data, zero sampling point, 1st spectra</a:t>
          </a:r>
        </a:p>
        <a:p>
          <a:r>
            <a:rPr lang="en-US" sz="1200" b="0" i="0" u="none" baseline="0"/>
            <a:t>-- </a:t>
          </a:r>
          <a:r>
            <a:rPr lang="en-US" sz="1200" b="1" i="0" u="none" baseline="0"/>
            <a:t>4 BA 0 B:</a:t>
          </a:r>
          <a:r>
            <a:rPr lang="en-US" sz="1200" b="0" i="0" u="none" baseline="0"/>
            <a:t> 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storage at 4</a:t>
          </a:r>
          <a:r>
            <a:rPr lang="en-US" sz="1200" b="0" i="0" baseline="300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o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, burger, 1st microbiological data, zero sampling point, 2nd spectra</a:t>
          </a:r>
        </a:p>
        <a:p>
          <a:r>
            <a:rPr lang="en-US" sz="1200" b="0" i="0" u="none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-- </a:t>
          </a:r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4 BA 0 C: 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storage at 4</a:t>
          </a:r>
          <a:r>
            <a:rPr lang="en-US" sz="1200" b="0" i="0" baseline="300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o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, burger, 1st microbiological data, zero sampling point, 3rd spectra</a:t>
          </a:r>
        </a:p>
        <a:p>
          <a:endParaRPr lang="en-US" sz="1200" b="0" i="0" baseline="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-- 4 BB 0 A: 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storage at 4</a:t>
          </a:r>
          <a:r>
            <a:rPr lang="en-US" sz="1200" b="0" i="0" baseline="300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o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, burger, 2nd microbiological data, zero sampling point, 1st spectra</a:t>
          </a:r>
          <a:endParaRPr lang="el-GR" sz="1200">
            <a:effectLst/>
          </a:endParaRPr>
        </a:p>
        <a:p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-- </a:t>
          </a:r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4 BB 0 B: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storage at 4</a:t>
          </a:r>
          <a:r>
            <a:rPr lang="en-US" sz="1200" b="0" i="0" baseline="300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o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, burger, 2nd microbiological data, zero sampling point, 2nd spectra</a:t>
          </a:r>
          <a:endParaRPr lang="el-GR" sz="1200">
            <a:effectLst/>
          </a:endParaRPr>
        </a:p>
        <a:p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-- </a:t>
          </a:r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4 BB 0 C: 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storage at 4</a:t>
          </a:r>
          <a:r>
            <a:rPr lang="en-US" sz="1200" b="0" i="0" baseline="300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o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, burger, 2nd microbiological data, zero sampling point, 3rd spectra</a:t>
          </a:r>
          <a:endParaRPr lang="el-GR" sz="1200">
            <a:effectLst/>
          </a:endParaRPr>
        </a:p>
        <a:p>
          <a:endParaRPr lang="en-US" sz="1200" b="0" i="0" baseline="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-- 4 BA 0 A 2: 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storage at 4</a:t>
          </a:r>
          <a:r>
            <a:rPr lang="en-US" sz="1200" b="0" i="0" baseline="300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o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, burger, 1st microbiological data, zero sampling point, 1st spectra, 2nd batch</a:t>
          </a:r>
          <a:endParaRPr lang="el-GR" sz="1200">
            <a:effectLst/>
          </a:endParaRPr>
        </a:p>
        <a:p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-- </a:t>
          </a:r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4 BA 0 B 2: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storage at 4</a:t>
          </a:r>
          <a:r>
            <a:rPr lang="en-US" sz="1200" b="0" i="0" baseline="300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o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, burger, 1st microbiological data, zero sampling point, 2nd spectra, 2nd batch</a:t>
          </a:r>
          <a:endParaRPr lang="el-GR" sz="1200">
            <a:effectLst/>
          </a:endParaRPr>
        </a:p>
        <a:p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-- </a:t>
          </a:r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4 BA 0 C 2: 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storage at 4</a:t>
          </a:r>
          <a:r>
            <a:rPr lang="en-US" sz="1200" b="0" i="0" baseline="300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o</a:t>
          </a:r>
          <a:r>
            <a:rPr lang="en-US" sz="1200" b="0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, burger, 1st microbiological data, zero sampling point, 3rd spectra, 2nd batch</a:t>
          </a:r>
          <a:endParaRPr lang="el-GR" sz="1200">
            <a:effectLst/>
          </a:endParaRPr>
        </a:p>
        <a:p>
          <a:r>
            <a:rPr lang="en-US" sz="1200" b="0" i="0" u="none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en-US" sz="1200" b="1" i="0" u="none" baseline="0"/>
        </a:p>
      </xdr:txBody>
    </xdr:sp>
    <xdr:clientData/>
  </xdr:twoCellAnchor>
  <xdr:twoCellAnchor>
    <xdr:from>
      <xdr:col>8</xdr:col>
      <xdr:colOff>336550</xdr:colOff>
      <xdr:row>1</xdr:row>
      <xdr:rowOff>120650</xdr:rowOff>
    </xdr:from>
    <xdr:to>
      <xdr:col>16</xdr:col>
      <xdr:colOff>63500</xdr:colOff>
      <xdr:row>15</xdr:row>
      <xdr:rowOff>152400</xdr:rowOff>
    </xdr:to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AC568AFD-6BC2-4061-89CF-906CCE489711}"/>
            </a:ext>
          </a:extLst>
        </xdr:cNvPr>
        <xdr:cNvSpPr txBox="1"/>
      </xdr:nvSpPr>
      <xdr:spPr>
        <a:xfrm>
          <a:off x="5213350" y="304800"/>
          <a:ext cx="4603750" cy="2609850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US" sz="1200" b="1"/>
            <a:t>Lines</a:t>
          </a:r>
          <a:r>
            <a:rPr lang="en-US" sz="1200" b="1" baseline="0"/>
            <a:t> 2-308 :  </a:t>
          </a:r>
          <a:r>
            <a:rPr lang="en-US" sz="1200" b="0" baseline="0"/>
            <a:t>data</a:t>
          </a:r>
          <a:r>
            <a:rPr lang="en-US" sz="1200" baseline="0"/>
            <a:t> from the </a:t>
          </a:r>
          <a:r>
            <a:rPr lang="en-US" sz="1200" b="1" baseline="0"/>
            <a:t>1st batch</a:t>
          </a:r>
          <a:r>
            <a:rPr lang="en-US" sz="1200" baseline="0"/>
            <a:t> of burgers at </a:t>
          </a:r>
          <a:r>
            <a:rPr lang="en-US" sz="1200" b="1" baseline="0"/>
            <a:t>isothermal</a:t>
          </a:r>
          <a:r>
            <a:rPr lang="en-US" sz="1200" baseline="0"/>
            <a:t> storage</a:t>
          </a:r>
        </a:p>
        <a:p>
          <a:endParaRPr lang="en-US" sz="1200" b="1" i="0" baseline="0"/>
        </a:p>
        <a:p>
          <a:r>
            <a:rPr lang="en-US" sz="1200" b="1" i="0" baseline="0"/>
            <a:t>Lines 308-631 : </a:t>
          </a:r>
          <a:r>
            <a:rPr lang="en-US" sz="1200" b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data</a:t>
          </a:r>
          <a:r>
            <a:rPr lang="en-US" sz="12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from the </a:t>
          </a:r>
          <a:r>
            <a:rPr lang="en-US" sz="1200" b="1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2nd batch</a:t>
          </a:r>
          <a:r>
            <a:rPr lang="en-US" sz="12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of burgers at </a:t>
          </a:r>
          <a:r>
            <a:rPr lang="en-US" sz="1200" b="1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isothermal</a:t>
          </a:r>
          <a:r>
            <a:rPr lang="en-US" sz="1200" b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en-US" sz="12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storage</a:t>
          </a:r>
          <a:r>
            <a:rPr lang="en-US" sz="1200" b="1" i="0" baseline="0"/>
            <a:t> </a:t>
          </a:r>
        </a:p>
        <a:p>
          <a:endParaRPr lang="en-US" sz="1200" b="1" i="0" baseline="0"/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Lines 632-709 : </a:t>
          </a:r>
          <a:r>
            <a:rPr lang="en-US" sz="1200" b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data</a:t>
          </a:r>
          <a:r>
            <a:rPr lang="en-US" sz="12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from the </a:t>
          </a:r>
          <a:r>
            <a:rPr lang="en-US" sz="1200" b="1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1st batch</a:t>
          </a:r>
          <a:r>
            <a:rPr lang="en-US" sz="12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of burgers at </a:t>
          </a:r>
          <a:r>
            <a:rPr lang="en-US" sz="1200" b="1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dynamic</a:t>
          </a:r>
          <a:r>
            <a:rPr lang="en-US" sz="12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storage</a:t>
          </a:r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el-GR" sz="1200">
            <a:effectLst/>
          </a:endParaRPr>
        </a:p>
        <a:p>
          <a:endParaRPr lang="en-US" sz="1200" b="1" i="0" baseline="0"/>
        </a:p>
        <a:p>
          <a:r>
            <a:rPr lang="en-US" sz="1200" b="1" i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Lines 710-775 : </a:t>
          </a:r>
          <a:r>
            <a:rPr lang="en-US" sz="1200" b="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data</a:t>
          </a:r>
          <a:r>
            <a:rPr lang="en-US" sz="12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from the </a:t>
          </a:r>
          <a:r>
            <a:rPr lang="en-US" sz="1200" b="1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2nd batch</a:t>
          </a:r>
          <a:r>
            <a:rPr lang="en-US" sz="12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of burgers at </a:t>
          </a:r>
          <a:r>
            <a:rPr lang="en-US" sz="1200" b="1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dynamic</a:t>
          </a:r>
          <a:r>
            <a:rPr lang="en-US" sz="12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storage</a:t>
          </a:r>
          <a:endParaRPr lang="el-GR" sz="1200" b="1" i="0" baseline="0"/>
        </a:p>
      </xdr:txBody>
    </xdr:sp>
    <xdr:clientData/>
  </xdr:twoCellAnchor>
</xdr:wsDr>
</file>

<file path=xl/theme/theme1.xml><?xml version="1.0" encoding="utf-8"?>
<a:theme xmlns:a="http://schemas.openxmlformats.org/drawingml/2006/main" name="Θέμα του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tabSelected="1" workbookViewId="0">
      <selection activeCell="R34" sqref="R34"/>
    </sheetView>
  </sheetViews>
  <sheetFormatPr defaultRowHeight="15" x14ac:dyDescent="0.25"/>
  <sheetData/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H2"/>
  <sheetViews>
    <sheetView workbookViewId="0"/>
  </sheetViews>
  <sheetFormatPr defaultRowHeight="15" x14ac:dyDescent="0.25"/>
  <sheetData>
    <row r="1" spans="2:8" x14ac:dyDescent="0.25">
      <c r="B1" t="s">
        <v>778</v>
      </c>
      <c r="C1" t="s">
        <v>779</v>
      </c>
      <c r="D1" t="s">
        <v>780</v>
      </c>
      <c r="E1" t="s">
        <v>781</v>
      </c>
      <c r="H1" t="s">
        <v>782</v>
      </c>
    </row>
    <row r="2" spans="2:8" x14ac:dyDescent="0.25">
      <c r="B2">
        <v>2</v>
      </c>
      <c r="C2">
        <v>1</v>
      </c>
      <c r="D2">
        <v>0</v>
      </c>
      <c r="E2">
        <v>9999</v>
      </c>
      <c r="H2">
        <v>0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FTIR-COUNTS</vt:lpstr>
      <vt:lpstr>codes</vt:lpstr>
      <vt:lpstr>ControlShee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Αθηνά Γρούντα</dc:creator>
  <cp:lastModifiedBy>Haile, Biniam Tsegay</cp:lastModifiedBy>
  <dcterms:created xsi:type="dcterms:W3CDTF">2020-01-21T09:30:17Z</dcterms:created>
  <dcterms:modified xsi:type="dcterms:W3CDTF">2020-03-09T21:44:54Z</dcterms:modified>
</cp:coreProperties>
</file>